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9" r:id="rId3"/>
    <p:sldId id="268" r:id="rId4"/>
    <p:sldId id="260" r:id="rId5"/>
    <p:sldId id="267" r:id="rId6"/>
    <p:sldId id="261" r:id="rId7"/>
    <p:sldId id="266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07510"/>
    <a:srgbClr val="333F50"/>
    <a:srgbClr val="E85318"/>
    <a:srgbClr val="EA6129"/>
    <a:srgbClr val="23242F"/>
    <a:srgbClr val="9E4F4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38" autoAdjust="0"/>
    <p:restoredTop sz="94660"/>
  </p:normalViewPr>
  <p:slideViewPr>
    <p:cSldViewPr snapToGrid="0">
      <p:cViewPr varScale="1">
        <p:scale>
          <a:sx n="76" d="100"/>
          <a:sy n="76" d="100"/>
        </p:scale>
        <p:origin x="456" y="8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76" d="100"/>
        <a:sy n="76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26281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931401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375279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61885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89269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20737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19060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45067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7487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298338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584305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E894F7E-4A05-427B-A879-80D98711C521}" type="datetimeFigureOut">
              <a:rPr lang="en-US" smtClean="0"/>
              <a:t>9/3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8A5B0A7-9521-41A9-9EBC-B5CE185A82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87060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1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4.jpeg"/><Relationship Id="rId4" Type="http://schemas.microsoft.com/office/2007/relationships/hdphoto" Target="../media/hdphoto1.wdp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9.jpeg"/><Relationship Id="rId4" Type="http://schemas.openxmlformats.org/officeDocument/2006/relationships/image" Target="../media/image8.jpe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38" name="Picture 14" descr="Related image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5896" y="-457200"/>
            <a:ext cx="12317896" cy="91460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-742556" y="1018771"/>
            <a:ext cx="13205791" cy="751359"/>
          </a:xfrm>
          <a:prstGeom prst="rect">
            <a:avLst/>
          </a:prstGeom>
          <a:solidFill>
            <a:schemeClr val="bg2">
              <a:lumMod val="50000"/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/>
          <p:cNvSpPr txBox="1"/>
          <p:nvPr/>
        </p:nvSpPr>
        <p:spPr>
          <a:xfrm>
            <a:off x="2067115" y="794285"/>
            <a:ext cx="6840335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7200" smtClean="0">
                <a:solidFill>
                  <a:schemeClr val="accent3">
                    <a:lumMod val="60000"/>
                    <a:lumOff val="40000"/>
                  </a:schemeClr>
                </a:solidFill>
                <a:latin typeface=".VnHelvetInsH" panose="020B7200000000000000" pitchFamily="34" charset="0"/>
              </a:rPr>
              <a:t>SMART MIRROR</a:t>
            </a:r>
            <a:endParaRPr lang="en-US" sz="7200" dirty="0">
              <a:solidFill>
                <a:schemeClr val="accent3">
                  <a:lumMod val="60000"/>
                  <a:lumOff val="40000"/>
                </a:schemeClr>
              </a:solidFill>
              <a:latin typeface=".VnHelvetInsH" panose="020B7200000000000000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926361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 advClick="0">
        <p14:vortex dir="r"/>
      </p:transition>
    </mc:Choice>
    <mc:Fallback xmlns="">
      <p:transition spd="slow" advClick="0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5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" dur="7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7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7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 fmla="#ppt_x+(cos(-2*pi*(1-$))*-#ppt_x-sin(-2*pi*(1-$))*(1-#ppt_y))*(1-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7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+(sin(-2*pi*(1-$))*-#ppt_x+cos(-2*pi*(1-$))*(1-#ppt_y))*(1-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  <p:bldP spid="3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5734594" y="594145"/>
            <a:ext cx="6247246" cy="3019912"/>
          </a:xfrm>
          <a:prstGeom prst="rect">
            <a:avLst/>
          </a:prstGeom>
          <a:solidFill>
            <a:srgbClr val="F0751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/>
          <p:cNvSpPr/>
          <p:nvPr/>
        </p:nvSpPr>
        <p:spPr>
          <a:xfrm>
            <a:off x="5734594" y="3757907"/>
            <a:ext cx="6247246" cy="2981746"/>
          </a:xfrm>
          <a:prstGeom prst="rect">
            <a:avLst/>
          </a:prstGeom>
          <a:solidFill>
            <a:srgbClr val="333F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/>
          <p:cNvSpPr/>
          <p:nvPr/>
        </p:nvSpPr>
        <p:spPr>
          <a:xfrm>
            <a:off x="7594649" y="1319841"/>
            <a:ext cx="3644537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Tx/>
              <a:buChar char="-"/>
            </a:pP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CLOCK</a:t>
            </a:r>
          </a:p>
          <a:p>
            <a:pPr marL="285750" indent="-285750">
              <a:buFontTx/>
              <a:buChar char="-"/>
            </a:pP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DATE</a:t>
            </a:r>
          </a:p>
          <a:p>
            <a:pPr marL="285750" indent="-285750">
              <a:buFontTx/>
              <a:buChar char="-"/>
            </a:pP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NEWS</a:t>
            </a:r>
          </a:p>
          <a:p>
            <a:pPr marL="285750" indent="-285750">
              <a:buFontTx/>
              <a:buChar char="-"/>
            </a:pPr>
            <a:r>
              <a:rPr lang="en-US" sz="2000" noProof="1">
                <a:solidFill>
                  <a:schemeClr val="bg1"/>
                </a:solidFill>
                <a:latin typeface="iCiel Panton Light" panose="00000400000000000000" pitchFamily="50" charset="0"/>
              </a:rPr>
              <a:t>WEATHER </a:t>
            </a: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FORECAST</a:t>
            </a:r>
          </a:p>
          <a:p>
            <a:pPr marL="285750" indent="-285750">
              <a:buFontTx/>
              <a:buChar char="-"/>
            </a:pP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ALARM</a:t>
            </a:r>
          </a:p>
          <a:p>
            <a:pPr marL="285750" indent="-285750">
              <a:buFontTx/>
              <a:buChar char="-"/>
            </a:pP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,..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594649" y="858176"/>
            <a:ext cx="364453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BASIC APPLICATIONS</a:t>
            </a:r>
            <a:endParaRPr lang="vi-VN" sz="2400" b="1" noProof="1">
              <a:solidFill>
                <a:schemeClr val="bg1"/>
              </a:solidFill>
              <a:latin typeface="iCiel Panton Light" panose="00000400000000000000" pitchFamily="50" charset="0"/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7594649" y="4546765"/>
            <a:ext cx="3644537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Tx/>
              <a:buChar char="-"/>
            </a:pP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MUSIC</a:t>
            </a:r>
          </a:p>
          <a:p>
            <a:pPr marL="285750" indent="-285750">
              <a:buFontTx/>
              <a:buChar char="-"/>
            </a:pP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GOOGLE ASSISTANT</a:t>
            </a:r>
          </a:p>
          <a:p>
            <a:pPr marL="285750" indent="-285750">
              <a:buFontTx/>
              <a:buChar char="-"/>
            </a:pP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TOUCHSCREEN</a:t>
            </a:r>
          </a:p>
          <a:p>
            <a:pPr marL="285750" indent="-285750">
              <a:buFontTx/>
              <a:buChar char="-"/>
            </a:pP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API EXTENSION</a:t>
            </a:r>
          </a:p>
          <a:p>
            <a:pPr marL="285750" indent="-285750">
              <a:buFontTx/>
              <a:buChar char="-"/>
            </a:pP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COMPUTER VISION</a:t>
            </a:r>
          </a:p>
          <a:p>
            <a:pPr marL="285750" indent="-285750">
              <a:buFontTx/>
              <a:buChar char="-"/>
            </a:pPr>
            <a:r>
              <a:rPr lang="en-US" sz="2000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,..</a:t>
            </a:r>
            <a:endParaRPr lang="vi-VN" sz="2000" noProof="1">
              <a:solidFill>
                <a:schemeClr val="bg1"/>
              </a:solidFill>
              <a:latin typeface="iCiel Panton Light" panose="00000400000000000000" pitchFamily="50" charset="0"/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7594649" y="4059914"/>
            <a:ext cx="4387191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noProof="1" smtClean="0">
                <a:solidFill>
                  <a:schemeClr val="bg1"/>
                </a:solidFill>
                <a:latin typeface="iCiel Panton Light" panose="00000400000000000000" pitchFamily="50" charset="0"/>
              </a:rPr>
              <a:t>ADVANCED APPLICATIONS</a:t>
            </a:r>
            <a:endParaRPr lang="vi-VN" sz="2400" b="1" noProof="1">
              <a:solidFill>
                <a:schemeClr val="bg1"/>
              </a:solidFill>
              <a:latin typeface="iCiel Panton Light" panose="00000400000000000000" pitchFamily="50" charset="0"/>
            </a:endParaRPr>
          </a:p>
        </p:txBody>
      </p:sp>
      <p:pic>
        <p:nvPicPr>
          <p:cNvPr id="1026" name="Picture 2" descr="http://www.wpfix.co/wp-content/uploads/2015/07/seo-icon.png"/>
          <p:cNvPicPr>
            <a:picLocks noChangeAspect="1" noChangeArrowheads="1"/>
          </p:cNvPicPr>
          <p:nvPr/>
        </p:nvPicPr>
        <p:blipFill>
          <a:blip r:embed="rId2" cstate="print">
            <a:clrChange>
              <a:clrFrom>
                <a:srgbClr val="A2D049"/>
              </a:clrFrom>
              <a:clrTo>
                <a:srgbClr val="A2D049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26289" y="4389431"/>
            <a:ext cx="1842430" cy="18424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https://static01.nyt.com/images/2010/01/27/business/media/27adcoPicB/popup-v2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000" b="90000" l="10000" r="90000">
                        <a14:foregroundMark x1="46308" y1="36826" x2="48769" y2="41140"/>
                      </a14:backgroundRemoval>
                    </a14:imgEffect>
                    <a14:imgEffect>
                      <a14:brightnessContrast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88689" y="1413754"/>
            <a:ext cx="1382821" cy="1380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2" descr="Image result for smart mirror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8016" y="592745"/>
            <a:ext cx="5243916" cy="61469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1" name="Rectangle 20"/>
          <p:cNvSpPr/>
          <p:nvPr/>
        </p:nvSpPr>
        <p:spPr>
          <a:xfrm>
            <a:off x="3704045" y="7970"/>
            <a:ext cx="484196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200" b="1" noProof="1" smtClean="0">
                <a:solidFill>
                  <a:srgbClr val="333F50"/>
                </a:solidFill>
                <a:latin typeface=".VnHelvetInsH" panose="020B7200000000000000" pitchFamily="34" charset="0"/>
              </a:rPr>
              <a:t>PURPOSE</a:t>
            </a:r>
            <a:endParaRPr lang="vi-VN" sz="3200" b="1" noProof="1">
              <a:solidFill>
                <a:srgbClr val="333F50"/>
              </a:solidFill>
              <a:latin typeface="iCiel Panton Light" panose="00000400000000000000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978941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50">
        <p14:prism isInverted="1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6" presetClass="entr" presetSubtype="21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42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1" presetID="42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6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4000"/>
                                  </p:iterate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8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9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9" grpId="0" animBg="1"/>
      <p:bldP spid="11" grpId="0"/>
      <p:bldP spid="13" grpId="0"/>
      <p:bldP spid="18" grpId="0"/>
      <p:bldP spid="19" grpId="0"/>
      <p:bldP spid="21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146" name="Picture 2" descr="SM_Diagram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6592" y="599849"/>
            <a:ext cx="10598501" cy="57283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87701642"/>
      </p:ext>
    </p:extLst>
  </p:cSld>
  <p:clrMapOvr>
    <a:masterClrMapping/>
  </p:clrMapOvr>
  <p:transition spd="slow">
    <p:randomBar dir="vert"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8" name="Picture 6" descr="Image result for raspberry pi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01172" y="2318856"/>
            <a:ext cx="5369898" cy="53698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Image result for speaker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9300" y="-242916"/>
            <a:ext cx="4148666" cy="41486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/>
          <p:nvPr/>
        </p:nvSpPr>
        <p:spPr>
          <a:xfrm>
            <a:off x="3693287" y="186603"/>
            <a:ext cx="484196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200" b="1" noProof="1" smtClean="0">
                <a:solidFill>
                  <a:srgbClr val="333F50"/>
                </a:solidFill>
                <a:latin typeface=".VnHelvetInsH" panose="020B7200000000000000" pitchFamily="34" charset="0"/>
              </a:rPr>
              <a:t>HARDWARE</a:t>
            </a:r>
            <a:endParaRPr lang="vi-VN" sz="3200" b="1" noProof="1">
              <a:solidFill>
                <a:srgbClr val="333F50"/>
              </a:solidFill>
              <a:latin typeface="iCiel Panton Light" panose="00000400000000000000" pitchFamily="50" charset="0"/>
            </a:endParaRPr>
          </a:p>
        </p:txBody>
      </p:sp>
      <p:pic>
        <p:nvPicPr>
          <p:cNvPr id="3074" name="Picture 2" descr="https://magicmirror.builders/img/explode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7387" y="3149611"/>
            <a:ext cx="6083424" cy="37083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2" name="Picture 10" descr="Image result for camera pi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76356" y="178541"/>
            <a:ext cx="2971070" cy="29710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071216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 dir="u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4000"/>
                                  </p:iterate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307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307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307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307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308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308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1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3" dur="500" fill="hold"/>
                                        <p:tgtEl>
                                          <p:spTgt spid="307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4" dur="500" fill="hold"/>
                                        <p:tgtEl>
                                          <p:spTgt spid="307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1215252"/>
              </p:ext>
            </p:extLst>
          </p:nvPr>
        </p:nvGraphicFramePr>
        <p:xfrm>
          <a:off x="720761" y="957431"/>
          <a:ext cx="10716495" cy="475693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72165"/>
                <a:gridCol w="3572165"/>
                <a:gridCol w="3572165"/>
              </a:tblGrid>
              <a:tr h="594617"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SMART</a:t>
                      </a:r>
                      <a:r>
                        <a:rPr lang="en-US" sz="2400" baseline="0" smtClean="0"/>
                        <a:t> MIRROR</a:t>
                      </a:r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COMPUTER VISION</a:t>
                      </a:r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API EXTENTION</a:t>
                      </a:r>
                      <a:endParaRPr lang="en-US" sz="2400"/>
                    </a:p>
                  </a:txBody>
                  <a:tcPr/>
                </a:tc>
              </a:tr>
              <a:tr h="594617"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SMART</a:t>
                      </a:r>
                      <a:r>
                        <a:rPr lang="en-US" sz="2400" baseline="0" smtClean="0"/>
                        <a:t> MIRROR PACKAGE</a:t>
                      </a:r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PYTHON</a:t>
                      </a:r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APACHE</a:t>
                      </a:r>
                      <a:endParaRPr lang="en-US" sz="2400"/>
                    </a:p>
                  </a:txBody>
                  <a:tcPr/>
                </a:tc>
              </a:tr>
              <a:tr h="594617"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NODEJS</a:t>
                      </a:r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OPENCV</a:t>
                      </a:r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MARIA DB</a:t>
                      </a:r>
                      <a:endParaRPr lang="en-US" sz="2400"/>
                    </a:p>
                  </a:txBody>
                  <a:tcPr/>
                </a:tc>
              </a:tr>
              <a:tr h="594617"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GIT</a:t>
                      </a:r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MACHINE</a:t>
                      </a:r>
                      <a:r>
                        <a:rPr lang="en-US" sz="2400" baseline="0" smtClean="0"/>
                        <a:t> LEARNING</a:t>
                      </a:r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/>
                </a:tc>
              </a:tr>
              <a:tr h="594617"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GOOGLE</a:t>
                      </a:r>
                      <a:r>
                        <a:rPr lang="en-US" sz="2400" baseline="0" smtClean="0"/>
                        <a:t> ASSISTANT</a:t>
                      </a:r>
                      <a:endParaRPr lang="en-US" sz="240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/>
                </a:tc>
              </a:tr>
              <a:tr h="594617">
                <a:tc>
                  <a:txBody>
                    <a:bodyPr/>
                    <a:lstStyle/>
                    <a:p>
                      <a:pPr algn="ctr"/>
                      <a:r>
                        <a:rPr lang="en-US" sz="2400" smtClean="0"/>
                        <a:t>THIRD PACKAGES</a:t>
                      </a:r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/>
                </a:tc>
              </a:tr>
              <a:tr h="594617"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/>
                </a:tc>
              </a:tr>
              <a:tr h="594617"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240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4" name="Rectangle 3"/>
          <p:cNvSpPr/>
          <p:nvPr/>
        </p:nvSpPr>
        <p:spPr>
          <a:xfrm>
            <a:off x="3693287" y="186603"/>
            <a:ext cx="484196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200" b="1" noProof="1" smtClean="0">
                <a:solidFill>
                  <a:srgbClr val="333F50"/>
                </a:solidFill>
                <a:latin typeface=".VnHelvetInsH" panose="020B7200000000000000" pitchFamily="34" charset="0"/>
              </a:rPr>
              <a:t>SOFTWARE</a:t>
            </a:r>
            <a:endParaRPr lang="vi-VN" sz="3200" b="1" noProof="1">
              <a:solidFill>
                <a:srgbClr val="333F50"/>
              </a:solidFill>
              <a:latin typeface="iCiel Panton Light" panose="00000400000000000000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53163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 dir="u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4" presetClass="entr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4000"/>
                                  </p:iterate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0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25"/>
          <p:cNvSpPr/>
          <p:nvPr/>
        </p:nvSpPr>
        <p:spPr>
          <a:xfrm>
            <a:off x="894570" y="5570853"/>
            <a:ext cx="484196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400" b="1" noProof="1" smtClean="0">
                <a:solidFill>
                  <a:srgbClr val="333F50"/>
                </a:solidFill>
                <a:latin typeface=".VnHelvetInsH" panose="020B7200000000000000" pitchFamily="34" charset="0"/>
              </a:rPr>
              <a:t>Nguyen Luong Duy Khanh</a:t>
            </a:r>
            <a:endParaRPr lang="vi-VN" sz="2400" b="1" noProof="1">
              <a:solidFill>
                <a:srgbClr val="333F50"/>
              </a:solidFill>
              <a:latin typeface="iCiel Panton Light" panose="00000400000000000000" pitchFamily="50" charset="0"/>
            </a:endParaRPr>
          </a:p>
        </p:txBody>
      </p:sp>
      <p:sp>
        <p:nvSpPr>
          <p:cNvPr id="29" name="Rectangle 28"/>
          <p:cNvSpPr/>
          <p:nvPr/>
        </p:nvSpPr>
        <p:spPr>
          <a:xfrm>
            <a:off x="2007740" y="6098818"/>
            <a:ext cx="2615628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vi-VN" sz="1600" noProof="1">
                <a:solidFill>
                  <a:srgbClr val="333F50"/>
                </a:solidFill>
                <a:latin typeface="iCiel Panton Light" panose="00000400000000000000" pitchFamily="50" charset="0"/>
              </a:rPr>
              <a:t>16520584</a:t>
            </a:r>
          </a:p>
        </p:txBody>
      </p:sp>
      <p:sp>
        <p:nvSpPr>
          <p:cNvPr id="32" name="Rectangle 31"/>
          <p:cNvSpPr/>
          <p:nvPr/>
        </p:nvSpPr>
        <p:spPr>
          <a:xfrm>
            <a:off x="6370100" y="5570851"/>
            <a:ext cx="484196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400" b="1" noProof="1" smtClean="0">
                <a:solidFill>
                  <a:srgbClr val="333F50"/>
                </a:solidFill>
                <a:latin typeface=".VnHelvetInsH" panose="020B7200000000000000" pitchFamily="34" charset="0"/>
              </a:rPr>
              <a:t>Tong Anh Quan</a:t>
            </a:r>
            <a:endParaRPr lang="vi-VN" sz="2400" b="1" noProof="1">
              <a:solidFill>
                <a:srgbClr val="333F50"/>
              </a:solidFill>
              <a:latin typeface="iCiel Panton Light" panose="00000400000000000000" pitchFamily="50" charset="0"/>
            </a:endParaRPr>
          </a:p>
        </p:txBody>
      </p:sp>
      <p:sp>
        <p:nvSpPr>
          <p:cNvPr id="33" name="Rectangle 32"/>
          <p:cNvSpPr/>
          <p:nvPr/>
        </p:nvSpPr>
        <p:spPr>
          <a:xfrm>
            <a:off x="7483270" y="6098818"/>
            <a:ext cx="2615628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noProof="1" smtClean="0">
                <a:solidFill>
                  <a:srgbClr val="333F50"/>
                </a:solidFill>
                <a:latin typeface="iCiel Panton Light" panose="00000400000000000000" pitchFamily="50" charset="0"/>
              </a:rPr>
              <a:t>16520985</a:t>
            </a:r>
            <a:endParaRPr lang="vi-VN" sz="1600" noProof="1">
              <a:solidFill>
                <a:srgbClr val="333F50"/>
              </a:solidFill>
              <a:latin typeface="iCiel Panton Light" panose="00000400000000000000" pitchFamily="50" charset="0"/>
            </a:endParaRPr>
          </a:p>
        </p:txBody>
      </p:sp>
      <p:pic>
        <p:nvPicPr>
          <p:cNvPr id="4100" name="Picture 4" descr="https://avatars0.githubusercontent.com/u/34430566?s=460&amp;v=4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4803" y="1016155"/>
            <a:ext cx="4381500" cy="43815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70099" y="1016154"/>
            <a:ext cx="4714001" cy="4381501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3693287" y="186603"/>
            <a:ext cx="484196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200" b="1" noProof="1" smtClean="0">
                <a:solidFill>
                  <a:srgbClr val="333F50"/>
                </a:solidFill>
                <a:latin typeface=".VnHelvetInsH" panose="020B7200000000000000" pitchFamily="34" charset="0"/>
              </a:rPr>
              <a:t>THE TEAM</a:t>
            </a:r>
            <a:endParaRPr lang="vi-VN" sz="3200" b="1" noProof="1">
              <a:solidFill>
                <a:srgbClr val="333F50"/>
              </a:solidFill>
              <a:latin typeface="iCiel Panton Light" panose="00000400000000000000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18580852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1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1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4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10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10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4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10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10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1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3" dur="1000"/>
                                        <p:tgtEl>
                                          <p:spTgt spid="4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6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4000"/>
                                  </p:iterate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9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0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/>
      <p:bldP spid="29" grpId="0"/>
      <p:bldP spid="32" grpId="0"/>
      <p:bldP spid="33" grpId="0"/>
      <p:bldP spid="9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170" name="Picture 2" descr="https://static.pexels.com/photos/6579/pexels-photo.jpeg"/>
          <p:cNvPicPr>
            <a:picLocks noChangeAspect="1" noChangeArrowheads="1"/>
          </p:cNvPicPr>
          <p:nvPr/>
        </p:nvPicPr>
        <p:blipFill>
          <a:blip r:embed="rId2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048" y="-1267968"/>
            <a:ext cx="12188952" cy="81259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Rectangle 2"/>
          <p:cNvSpPr/>
          <p:nvPr/>
        </p:nvSpPr>
        <p:spPr>
          <a:xfrm>
            <a:off x="3646442" y="1905506"/>
            <a:ext cx="4841967" cy="3046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9600" b="1" noProof="1" smtClean="0">
                <a:solidFill>
                  <a:schemeClr val="bg1"/>
                </a:solidFill>
                <a:latin typeface=".VnHelvetInsH" panose="020B7200000000000000" pitchFamily="34" charset="0"/>
              </a:rPr>
              <a:t>THANK YOU!</a:t>
            </a:r>
            <a:endParaRPr lang="vi-VN" sz="9600" b="1" noProof="1">
              <a:solidFill>
                <a:schemeClr val="bg1"/>
              </a:solidFill>
              <a:latin typeface="iCiel Panton Light" panose="00000400000000000000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38746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vortex dir="r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C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YtMDctMDdUMDA6MDA6MDArMDc6MDAiLCJFbmREYXRlIjoiMjAxNi0wNy0wN1QwMDowMDowMCswNzowMCIsIkZvcm1hdCI6InciLCJUeXBlIjoxLCJBdXRvRGF0ZVJhbmdlIjp0cnVlLCJXb3JraW5nRGF5cyI6MzEsIlRvZGF5TWFya2VyVGV4dCI6IlRvZGF5IiwiQXV0b1NjYWxlVHlwZSI6dHJ1ZX0sIk1pbGVzdG9uZXMiOltdLCJUYXNrcyI6W10sIk1zUHJvamVjdEl0ZW1zVHJlZSI6eyIkaWQiOiIxMjMiLCJSb290Ijp7IkltcG9ydElkIjpudWxsLCJJc0ltcG9ydGVkIjpmYWxzZSwiQ2hpbGRyZW4iOltdfX0sIk1ldGFkYXRhIjp7IiRpZCI6IjEyNCJ9LCJTZXR0aW5ncyI6eyIkaWQiOiIxMjUiLCJJbXBhT3B0aW9ucyI6eyIkaWQiOiIxMj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63</TotalTime>
  <Words>62</Words>
  <Application>Microsoft Office PowerPoint</Application>
  <PresentationFormat>Widescreen</PresentationFormat>
  <Paragraphs>38</Paragraphs>
  <Slides>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3" baseType="lpstr">
      <vt:lpstr>.VnHelvetInsH</vt:lpstr>
      <vt:lpstr>Arial</vt:lpstr>
      <vt:lpstr>Calibri</vt:lpstr>
      <vt:lpstr>Calibri Light</vt:lpstr>
      <vt:lpstr>iCiel Panton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 Lam</dc:creator>
  <cp:lastModifiedBy>Qân Xiu</cp:lastModifiedBy>
  <cp:revision>46</cp:revision>
  <dcterms:created xsi:type="dcterms:W3CDTF">2016-07-07T05:11:27Z</dcterms:created>
  <dcterms:modified xsi:type="dcterms:W3CDTF">2019-09-03T02:21:15Z</dcterms:modified>
</cp:coreProperties>
</file>